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07 - 2022 - 074. (Príprava) Jednorázová chirurgická kryoablačná sonda\03. Príprava\06. PTK\01. Odoslanie PTK\"/>
    </mc:Choice>
  </mc:AlternateContent>
  <bookViews>
    <workbookView xWindow="0" yWindow="0" windowWidth="23040" windowHeight="9195"/>
  </bookViews>
  <sheets>
    <sheet name="Cenová ponuka" sheetId="8" r:id="rId1"/>
  </sheets>
  <definedNames>
    <definedName name="_xlnm.Print_Area" localSheetId="0">'Cenová ponuka'!$B$1:$F$11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3" uniqueCount="13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3.1</t>
  </si>
  <si>
    <t>3.2</t>
  </si>
  <si>
    <t>3.3</t>
  </si>
  <si>
    <t>Jednorázová chirurgická kryoablačná sonda na liečbu srdcových arytmií s aktívnym rozmrazovaním</t>
  </si>
  <si>
    <t>Jednorázová chirurgická kryoablačná sonda na liečbu srdcových arytmií s aktívnym rozmrazovaním.</t>
  </si>
  <si>
    <t>Jednorázová chirurgická kryoablačná sonda na liečbu srdcových arytmií s aktívnym rozmrazovaním, Typ 1</t>
  </si>
  <si>
    <t>Jednorázová chirurgická kryoablačná sonda na liečbu srdcových arytmií s aktívnym rozmrazovaním, Typ 2</t>
  </si>
  <si>
    <t>Kryoablačná časť:</t>
  </si>
  <si>
    <t>musí byť dostatočne rigidná - musí udržovať tvar pri prítlaku na tkanivo.</t>
  </si>
  <si>
    <t>musí byť z hliníka, aby dosahovala vysokú tepelnú vodivosť.</t>
  </si>
  <si>
    <t>musí byť dostatočneflexibilná - vhodná pre epikardiálne a robotické použitie.</t>
  </si>
  <si>
    <t>musí byť vrubkovaná, aby dosahovala lepšiu stabilizaciu na srdci.</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3.4</t>
  </si>
  <si>
    <t>3.5</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2.1</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Dodávateľ je povinný vystaviť faktúru za dodaný tovar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možnosť uplatnenia si náhrady škody u Dodávateľa vo výške vzniknutých finančných nákladov a/alebo možnosť vrátenia nespotrebovanej časti tovaru v prípade nedodržania požiadaviek uvedených v týchto zmluvných podmienkach.</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V prípade, ak sa na predmet zákazky vykonala prípravná trhová konzultácia, informácie k prípravnej trhovej konzultácii verejný obstarávateľ zverejňuje na internetovej stránke: www.vusch.sk/verejne-obstaravanie/</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Požaduje sa uzatvorenie Rámcovej dohody, a to na dohodnuté zmluvné obdobie 12 kalendárnych mesiacov, resp. do doby naplnenia zmluvného finančného objemu podľa toho, ktorá z uvedených skutočností nastane skôr.</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bol Dodávateľ v čase predloženia ponuky a zároveň počas trvania Rámcovej dohody oprávnený na poskytnutie plnenia predmetu zákaz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ložka č. 1 - Jednorázová chirurgická kryoablačná sonda na liečbu srdcových arytmií s aktívnym rozmrazovaním, Typ 1</t>
  </si>
  <si>
    <t>Dĺžka násady: min. 15 cm</t>
  </si>
  <si>
    <t>musí byť hladká, aby dosahovala dobrý kontakt a vedenie tepla mezi kryokatétrom a tkanivom.</t>
  </si>
  <si>
    <t>musí sa vedieť schladiť na max. -80 °C.</t>
  </si>
  <si>
    <t>Katéter musí mať okruh pre „aktívne“ rozmrazovanie - kryoablačná časť sa musí dať zohriať cca na 15 °C.</t>
  </si>
  <si>
    <t>Položka č. 2 - Jednorázová chirurgická kryoablačná sonda na liečbu srdcových arytmií s aktívnym rozmrazovaním, Typ 2</t>
  </si>
  <si>
    <t>Dĺžka flexibilnej kryoablačnej části: max.10 cm</t>
  </si>
  <si>
    <t>Dĺžka násady: mim. 20 cm</t>
  </si>
  <si>
    <t>33141200-2   Katétre</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2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2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10" fillId="0" borderId="10" xfId="0" applyNumberFormat="1" applyFont="1" applyBorder="1" applyAlignment="1">
      <alignment horizontal="center" vertical="center" wrapText="1"/>
    </xf>
    <xf numFmtId="49" fontId="2" fillId="0" borderId="8" xfId="0" applyNumberFormat="1" applyFont="1" applyFill="1" applyBorder="1" applyAlignment="1">
      <alignment vertical="center" wrapText="1"/>
    </xf>
    <xf numFmtId="0" fontId="14" fillId="0" borderId="10" xfId="0" applyFont="1" applyFill="1" applyBorder="1" applyAlignment="1">
      <alignment horizontal="justify" vertical="center"/>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49" fontId="4" fillId="0" borderId="20" xfId="0" applyNumberFormat="1" applyFont="1" applyFill="1" applyBorder="1" applyAlignment="1">
      <alignment vertical="center" wrapText="1"/>
    </xf>
    <xf numFmtId="0" fontId="4" fillId="0" borderId="20" xfId="0" applyFont="1" applyFill="1" applyBorder="1" applyAlignment="1">
      <alignment horizontal="left" vertical="center" wrapText="1"/>
    </xf>
    <xf numFmtId="49" fontId="2" fillId="0" borderId="8" xfId="0" applyNumberFormat="1" applyFont="1" applyBorder="1" applyAlignment="1">
      <alignment horizontal="right" vertical="center"/>
    </xf>
    <xf numFmtId="0" fontId="13" fillId="0" borderId="10" xfId="0"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10" fillId="0" borderId="10" xfId="0" applyNumberFormat="1" applyFont="1" applyBorder="1" applyAlignment="1">
      <alignment horizontal="left" vertical="center" wrapText="1"/>
    </xf>
    <xf numFmtId="49" fontId="10" fillId="0" borderId="9"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4" fillId="0" borderId="0" xfId="0" applyNumberFormat="1" applyFont="1" applyFill="1" applyAlignment="1">
      <alignment horizontal="left" vertical="top"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3" fillId="0" borderId="0" xfId="0" applyNumberFormat="1" applyFont="1" applyFill="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134"/>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7" t="s">
        <v>50</v>
      </c>
      <c r="C1" s="117"/>
      <c r="D1" s="117"/>
      <c r="E1" s="117"/>
      <c r="F1" s="117"/>
    </row>
    <row r="2" spans="2:6" ht="27.75" customHeight="1" x14ac:dyDescent="0.2">
      <c r="B2" s="116" t="s">
        <v>47</v>
      </c>
      <c r="C2" s="116"/>
      <c r="D2" s="116"/>
      <c r="E2" s="116"/>
      <c r="F2" s="116"/>
    </row>
    <row r="3" spans="2:6" ht="54.75" customHeight="1" x14ac:dyDescent="0.2">
      <c r="B3" s="91" t="s">
        <v>54</v>
      </c>
      <c r="C3" s="91"/>
      <c r="D3" s="91"/>
      <c r="E3" s="91"/>
      <c r="F3" s="91"/>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92" t="s">
        <v>5</v>
      </c>
      <c r="C7" s="92"/>
      <c r="D7" s="92"/>
      <c r="E7" s="92"/>
      <c r="F7" s="92"/>
    </row>
    <row r="8" spans="2:6" s="2" customFormat="1" ht="20.100000000000001" customHeight="1" x14ac:dyDescent="0.25">
      <c r="B8" s="93" t="s">
        <v>9</v>
      </c>
      <c r="C8" s="93"/>
      <c r="D8" s="93"/>
      <c r="E8" s="93"/>
      <c r="F8" s="93"/>
    </row>
    <row r="9" spans="2:6" ht="24.95" customHeight="1" x14ac:dyDescent="0.2">
      <c r="B9" s="94" t="s">
        <v>85</v>
      </c>
      <c r="C9" s="94"/>
      <c r="D9" s="94"/>
      <c r="E9" s="94"/>
      <c r="F9" s="94"/>
    </row>
    <row r="10" spans="2:6" ht="4.5" customHeight="1" x14ac:dyDescent="0.2">
      <c r="B10" s="41"/>
      <c r="C10" s="41"/>
      <c r="D10" s="41"/>
      <c r="E10" s="41"/>
      <c r="F10" s="41"/>
    </row>
    <row r="11" spans="2:6" s="2" customFormat="1" ht="20.100000000000001" customHeight="1" x14ac:dyDescent="0.25">
      <c r="B11" s="95" t="s">
        <v>10</v>
      </c>
      <c r="C11" s="95"/>
      <c r="D11" s="95"/>
      <c r="E11" s="95"/>
      <c r="F11" s="95"/>
    </row>
    <row r="12" spans="2:6" s="2" customFormat="1" ht="20.100000000000001" customHeight="1" x14ac:dyDescent="0.25">
      <c r="B12" s="96" t="s">
        <v>138</v>
      </c>
      <c r="C12" s="96"/>
      <c r="D12" s="96"/>
      <c r="E12" s="45"/>
      <c r="F12" s="45"/>
    </row>
    <row r="13" spans="2:6" s="3" customFormat="1" ht="20.100000000000001" customHeight="1" x14ac:dyDescent="0.25">
      <c r="B13" s="96" t="s">
        <v>27</v>
      </c>
      <c r="C13" s="96"/>
      <c r="D13" s="96"/>
      <c r="E13" s="19"/>
      <c r="F13" s="20"/>
    </row>
    <row r="14" spans="2:6" ht="4.5" customHeight="1" x14ac:dyDescent="0.2">
      <c r="B14" s="46"/>
      <c r="C14" s="46"/>
      <c r="D14" s="46"/>
      <c r="E14" s="41"/>
      <c r="F14" s="41"/>
    </row>
    <row r="15" spans="2:6" ht="20.100000000000001" customHeight="1" x14ac:dyDescent="0.2">
      <c r="B15" s="40" t="s">
        <v>11</v>
      </c>
      <c r="C15" s="21"/>
      <c r="D15" s="21"/>
      <c r="E15" s="22"/>
      <c r="F15" s="22"/>
    </row>
    <row r="16" spans="2:6" s="3" customFormat="1" ht="24.95" customHeight="1" x14ac:dyDescent="0.25">
      <c r="B16" s="114" t="s">
        <v>70</v>
      </c>
      <c r="C16" s="114"/>
      <c r="D16" s="114"/>
      <c r="E16" s="19"/>
      <c r="F16" s="20"/>
    </row>
    <row r="17" spans="2:6" ht="5.0999999999999996" customHeight="1" x14ac:dyDescent="0.2">
      <c r="B17" s="115"/>
      <c r="C17" s="115"/>
      <c r="D17" s="115"/>
      <c r="F17" s="15"/>
    </row>
    <row r="18" spans="2:6" s="2" customFormat="1" ht="20.100000000000001" customHeight="1" x14ac:dyDescent="0.25">
      <c r="B18" s="92" t="s">
        <v>24</v>
      </c>
      <c r="C18" s="92"/>
      <c r="D18" s="92"/>
      <c r="E18" s="92"/>
      <c r="F18" s="92"/>
    </row>
    <row r="19" spans="2:6" ht="33.75" customHeight="1" x14ac:dyDescent="0.2">
      <c r="B19" s="97" t="s">
        <v>86</v>
      </c>
      <c r="C19" s="97"/>
      <c r="D19" s="97"/>
      <c r="E19" s="97"/>
      <c r="F19" s="97"/>
    </row>
    <row r="20" spans="2:6" ht="5.0999999999999996" customHeight="1" x14ac:dyDescent="0.2">
      <c r="B20" s="115"/>
      <c r="C20" s="115"/>
      <c r="D20" s="115"/>
      <c r="F20" s="15"/>
    </row>
    <row r="21" spans="2:6" s="2" customFormat="1" ht="20.100000000000001" customHeight="1" x14ac:dyDescent="0.25">
      <c r="B21" s="92" t="s">
        <v>25</v>
      </c>
      <c r="C21" s="92"/>
      <c r="D21" s="92"/>
      <c r="E21" s="92"/>
      <c r="F21" s="92"/>
    </row>
    <row r="22" spans="2:6" s="9" customFormat="1" ht="20.100000000000001" customHeight="1" x14ac:dyDescent="0.25">
      <c r="B22" s="107" t="s">
        <v>6</v>
      </c>
      <c r="C22" s="107"/>
      <c r="D22" s="107"/>
      <c r="E22" s="107"/>
      <c r="F22" s="107"/>
    </row>
    <row r="23" spans="2:6" s="9" customFormat="1" ht="20.100000000000001" customHeight="1" x14ac:dyDescent="0.25">
      <c r="B23" s="110" t="s">
        <v>18</v>
      </c>
      <c r="C23" s="111"/>
      <c r="D23" s="14"/>
      <c r="E23" s="14"/>
      <c r="F23" s="14"/>
    </row>
    <row r="24" spans="2:6" s="9" customFormat="1" ht="20.100000000000001" customHeight="1" x14ac:dyDescent="0.25">
      <c r="B24" s="13"/>
      <c r="C24" s="13" t="s">
        <v>22</v>
      </c>
      <c r="D24" s="14"/>
      <c r="E24" s="14"/>
      <c r="F24" s="14"/>
    </row>
    <row r="25" spans="2:6" s="9" customFormat="1" ht="20.100000000000001" customHeight="1" x14ac:dyDescent="0.25">
      <c r="B25" s="13"/>
      <c r="C25" s="13" t="s">
        <v>23</v>
      </c>
      <c r="D25" s="14"/>
      <c r="E25" s="14"/>
      <c r="F25" s="14"/>
    </row>
    <row r="26" spans="2:6" s="9" customFormat="1" ht="20.100000000000001" customHeight="1" x14ac:dyDescent="0.25">
      <c r="B26" s="110" t="s">
        <v>19</v>
      </c>
      <c r="C26" s="111"/>
      <c r="D26" s="14"/>
      <c r="E26" s="14"/>
      <c r="F26" s="14"/>
    </row>
    <row r="27" spans="2:6" s="9" customFormat="1" ht="31.5" customHeight="1" x14ac:dyDescent="0.25">
      <c r="B27" s="17" t="s">
        <v>20</v>
      </c>
      <c r="C27" s="98" t="s">
        <v>13</v>
      </c>
      <c r="D27" s="99"/>
      <c r="E27" s="18" t="s">
        <v>12</v>
      </c>
      <c r="F27" s="18" t="s">
        <v>14</v>
      </c>
    </row>
    <row r="28" spans="2:6" s="9" customFormat="1" ht="24.95" customHeight="1" x14ac:dyDescent="0.25">
      <c r="B28" s="47" t="s">
        <v>2</v>
      </c>
      <c r="C28" s="80" t="s">
        <v>87</v>
      </c>
      <c r="D28" s="81"/>
      <c r="E28" s="16" t="s">
        <v>1</v>
      </c>
      <c r="F28" s="68">
        <v>35</v>
      </c>
    </row>
    <row r="29" spans="2:6" s="9" customFormat="1" ht="24.95" customHeight="1" x14ac:dyDescent="0.25">
      <c r="B29" s="47" t="s">
        <v>69</v>
      </c>
      <c r="C29" s="80" t="s">
        <v>88</v>
      </c>
      <c r="D29" s="81"/>
      <c r="E29" s="51" t="s">
        <v>1</v>
      </c>
      <c r="F29" s="68">
        <v>10</v>
      </c>
    </row>
    <row r="30" spans="2:6" s="9" customFormat="1" ht="4.5" customHeight="1" x14ac:dyDescent="0.25">
      <c r="B30" s="14"/>
      <c r="C30" s="14"/>
      <c r="D30" s="14"/>
      <c r="E30" s="14"/>
      <c r="F30" s="14"/>
    </row>
    <row r="31" spans="2:6" s="9" customFormat="1" ht="20.100000000000001" customHeight="1" x14ac:dyDescent="0.25">
      <c r="B31" s="110" t="s">
        <v>21</v>
      </c>
      <c r="C31" s="111"/>
      <c r="D31" s="14"/>
      <c r="E31" s="14"/>
      <c r="F31" s="14"/>
    </row>
    <row r="32" spans="2:6" s="9" customFormat="1" ht="20.100000000000001" customHeight="1" x14ac:dyDescent="0.2">
      <c r="B32" s="10"/>
      <c r="C32" s="9" t="s">
        <v>3</v>
      </c>
      <c r="D32" s="14"/>
      <c r="E32" s="14"/>
      <c r="F32" s="14"/>
    </row>
    <row r="33" spans="2:7" s="9" customFormat="1" ht="20.100000000000001" customHeight="1" x14ac:dyDescent="0.25">
      <c r="B33" s="13"/>
      <c r="C33" s="2" t="s">
        <v>4</v>
      </c>
      <c r="D33" s="14"/>
      <c r="E33" s="14"/>
      <c r="F33" s="14"/>
    </row>
    <row r="34" spans="2:7" ht="5.0999999999999996" customHeight="1" x14ac:dyDescent="0.2"/>
    <row r="35" spans="2:7" s="2" customFormat="1" ht="20.100000000000001" customHeight="1" x14ac:dyDescent="0.25">
      <c r="B35" s="92" t="s">
        <v>26</v>
      </c>
      <c r="C35" s="92"/>
      <c r="D35" s="92"/>
      <c r="E35" s="92"/>
      <c r="F35" s="92"/>
    </row>
    <row r="36" spans="2:7" s="2" customFormat="1" ht="5.0999999999999996" customHeight="1" thickBot="1" x14ac:dyDescent="0.3">
      <c r="B36" s="15"/>
      <c r="D36" s="6"/>
      <c r="E36" s="6"/>
      <c r="F36" s="6"/>
    </row>
    <row r="37" spans="2:7" s="3" customFormat="1" ht="93" customHeight="1" x14ac:dyDescent="0.25">
      <c r="B37" s="82" t="s">
        <v>0</v>
      </c>
      <c r="C37" s="83"/>
      <c r="D37" s="86" t="s">
        <v>28</v>
      </c>
      <c r="E37" s="87"/>
      <c r="F37" s="88"/>
      <c r="G37" s="23"/>
    </row>
    <row r="38" spans="2:7" s="3" customFormat="1" ht="30" customHeight="1" thickBot="1" x14ac:dyDescent="0.3">
      <c r="B38" s="84"/>
      <c r="C38" s="85"/>
      <c r="D38" s="24" t="s">
        <v>29</v>
      </c>
      <c r="E38" s="112" t="s">
        <v>30</v>
      </c>
      <c r="F38" s="113"/>
    </row>
    <row r="39" spans="2:7" s="25" customFormat="1" ht="30.75" customHeight="1" x14ac:dyDescent="0.25">
      <c r="B39" s="77" t="s">
        <v>130</v>
      </c>
      <c r="C39" s="78"/>
      <c r="D39" s="78"/>
      <c r="E39" s="78"/>
      <c r="F39" s="79"/>
    </row>
    <row r="40" spans="2:7" s="4" customFormat="1" ht="24.95" customHeight="1" x14ac:dyDescent="0.25">
      <c r="B40" s="57" t="s">
        <v>16</v>
      </c>
      <c r="C40" s="63" t="s">
        <v>136</v>
      </c>
      <c r="D40" s="60"/>
      <c r="E40" s="75"/>
      <c r="F40" s="76"/>
    </row>
    <row r="41" spans="2:7" s="4" customFormat="1" ht="24.95" customHeight="1" x14ac:dyDescent="0.25">
      <c r="B41" s="57" t="s">
        <v>59</v>
      </c>
      <c r="C41" s="63" t="s">
        <v>131</v>
      </c>
      <c r="D41" s="60"/>
      <c r="E41" s="75"/>
      <c r="F41" s="76"/>
    </row>
    <row r="42" spans="2:7" s="4" customFormat="1" ht="24.95" customHeight="1" x14ac:dyDescent="0.25">
      <c r="B42" s="57" t="s">
        <v>60</v>
      </c>
      <c r="C42" s="63" t="s">
        <v>89</v>
      </c>
      <c r="D42" s="49"/>
      <c r="E42" s="108"/>
      <c r="F42" s="109"/>
    </row>
    <row r="43" spans="2:7" s="4" customFormat="1" ht="24.95" customHeight="1" x14ac:dyDescent="0.25">
      <c r="B43" s="67" t="s">
        <v>82</v>
      </c>
      <c r="C43" s="63" t="s">
        <v>90</v>
      </c>
      <c r="D43" s="49"/>
      <c r="E43" s="73"/>
      <c r="F43" s="74"/>
    </row>
    <row r="44" spans="2:7" s="4" customFormat="1" ht="24.95" customHeight="1" x14ac:dyDescent="0.25">
      <c r="B44" s="67" t="s">
        <v>83</v>
      </c>
      <c r="C44" s="63" t="s">
        <v>91</v>
      </c>
      <c r="D44" s="49"/>
      <c r="E44" s="73"/>
      <c r="F44" s="74"/>
    </row>
    <row r="45" spans="2:7" s="4" customFormat="1" ht="30" customHeight="1" x14ac:dyDescent="0.25">
      <c r="B45" s="67" t="s">
        <v>84</v>
      </c>
      <c r="C45" s="63" t="s">
        <v>132</v>
      </c>
      <c r="D45" s="49"/>
      <c r="E45" s="73"/>
      <c r="F45" s="74"/>
    </row>
    <row r="46" spans="2:7" s="4" customFormat="1" ht="30" customHeight="1" x14ac:dyDescent="0.25">
      <c r="B46" s="67" t="s">
        <v>99</v>
      </c>
      <c r="C46" s="63" t="s">
        <v>133</v>
      </c>
      <c r="D46" s="49"/>
      <c r="E46" s="73"/>
      <c r="F46" s="74"/>
    </row>
    <row r="47" spans="2:7" s="4" customFormat="1" ht="39" customHeight="1" thickBot="1" x14ac:dyDescent="0.3">
      <c r="B47" s="57" t="s">
        <v>61</v>
      </c>
      <c r="C47" s="63" t="s">
        <v>134</v>
      </c>
      <c r="D47" s="49"/>
      <c r="E47" s="73"/>
      <c r="F47" s="74"/>
    </row>
    <row r="48" spans="2:7" s="25" customFormat="1" ht="30.75" customHeight="1" x14ac:dyDescent="0.25">
      <c r="B48" s="77" t="s">
        <v>135</v>
      </c>
      <c r="C48" s="78"/>
      <c r="D48" s="78"/>
      <c r="E48" s="78"/>
      <c r="F48" s="79"/>
    </row>
    <row r="49" spans="2:6" s="4" customFormat="1" ht="24.95" customHeight="1" x14ac:dyDescent="0.25">
      <c r="B49" s="57" t="s">
        <v>16</v>
      </c>
      <c r="C49" s="63" t="s">
        <v>136</v>
      </c>
      <c r="D49" s="49"/>
      <c r="E49" s="73"/>
      <c r="F49" s="74"/>
    </row>
    <row r="50" spans="2:6" s="4" customFormat="1" ht="30" customHeight="1" x14ac:dyDescent="0.25">
      <c r="B50" s="57" t="s">
        <v>59</v>
      </c>
      <c r="C50" s="63" t="s">
        <v>137</v>
      </c>
      <c r="D50" s="49"/>
      <c r="E50" s="73"/>
      <c r="F50" s="74"/>
    </row>
    <row r="51" spans="2:6" s="4" customFormat="1" ht="24.95" customHeight="1" x14ac:dyDescent="0.25">
      <c r="B51" s="57" t="s">
        <v>60</v>
      </c>
      <c r="C51" s="63" t="s">
        <v>89</v>
      </c>
      <c r="D51" s="49"/>
      <c r="E51" s="108"/>
      <c r="F51" s="109"/>
    </row>
    <row r="52" spans="2:6" s="4" customFormat="1" ht="24.95" customHeight="1" x14ac:dyDescent="0.25">
      <c r="B52" s="67" t="s">
        <v>82</v>
      </c>
      <c r="C52" s="63" t="s">
        <v>92</v>
      </c>
      <c r="D52" s="49"/>
      <c r="E52" s="73"/>
      <c r="F52" s="74"/>
    </row>
    <row r="53" spans="2:6" s="4" customFormat="1" ht="30" customHeight="1" x14ac:dyDescent="0.25">
      <c r="B53" s="67" t="s">
        <v>83</v>
      </c>
      <c r="C53" s="63" t="s">
        <v>93</v>
      </c>
      <c r="D53" s="49"/>
      <c r="E53" s="73"/>
      <c r="F53" s="74"/>
    </row>
    <row r="54" spans="2:6" s="4" customFormat="1" ht="30" customHeight="1" x14ac:dyDescent="0.25">
      <c r="B54" s="67" t="s">
        <v>84</v>
      </c>
      <c r="C54" s="63" t="s">
        <v>133</v>
      </c>
      <c r="D54" s="49"/>
      <c r="E54" s="73"/>
      <c r="F54" s="74"/>
    </row>
    <row r="55" spans="2:6" s="4" customFormat="1" ht="47.25" customHeight="1" thickBot="1" x14ac:dyDescent="0.3">
      <c r="B55" s="64" t="s">
        <v>61</v>
      </c>
      <c r="C55" s="65" t="s">
        <v>134</v>
      </c>
      <c r="D55" s="50"/>
      <c r="E55" s="120"/>
      <c r="F55" s="121"/>
    </row>
    <row r="56" spans="2:6" s="3" customFormat="1" ht="5.0999999999999996" customHeight="1" x14ac:dyDescent="0.25">
      <c r="B56" s="5"/>
      <c r="C56" s="5"/>
      <c r="D56" s="7"/>
      <c r="E56" s="7"/>
      <c r="F56" s="26"/>
    </row>
    <row r="57" spans="2:6" s="2" customFormat="1" ht="20.100000000000001" customHeight="1" x14ac:dyDescent="0.25">
      <c r="B57" s="92" t="s">
        <v>48</v>
      </c>
      <c r="C57" s="92"/>
      <c r="D57" s="92"/>
      <c r="E57" s="92"/>
      <c r="F57" s="92"/>
    </row>
    <row r="58" spans="2:6" s="2" customFormat="1" ht="5.0999999999999996" customHeight="1" thickBot="1" x14ac:dyDescent="0.3">
      <c r="B58" s="15"/>
      <c r="D58" s="6"/>
      <c r="E58" s="6"/>
      <c r="F58" s="6"/>
    </row>
    <row r="59" spans="2:6" s="3" customFormat="1" ht="69" customHeight="1" x14ac:dyDescent="0.25">
      <c r="B59" s="82" t="s">
        <v>8</v>
      </c>
      <c r="C59" s="83"/>
      <c r="D59" s="86" t="s">
        <v>31</v>
      </c>
      <c r="E59" s="87"/>
      <c r="F59" s="88"/>
    </row>
    <row r="60" spans="2:6" s="3" customFormat="1" ht="30" customHeight="1" thickBot="1" x14ac:dyDescent="0.3">
      <c r="B60" s="84"/>
      <c r="C60" s="85"/>
      <c r="D60" s="24" t="s">
        <v>7</v>
      </c>
      <c r="E60" s="89" t="s">
        <v>32</v>
      </c>
      <c r="F60" s="90"/>
    </row>
    <row r="61" spans="2:6" s="2" customFormat="1" ht="43.5" customHeight="1" x14ac:dyDescent="0.25">
      <c r="B61" s="58" t="s">
        <v>16</v>
      </c>
      <c r="C61" s="27" t="s">
        <v>120</v>
      </c>
      <c r="D61" s="49"/>
      <c r="E61" s="69"/>
      <c r="F61" s="70"/>
    </row>
    <row r="62" spans="2:6" s="2" customFormat="1" ht="43.5" customHeight="1" x14ac:dyDescent="0.25">
      <c r="B62" s="58" t="s">
        <v>59</v>
      </c>
      <c r="C62" s="27" t="s">
        <v>94</v>
      </c>
      <c r="D62" s="49"/>
      <c r="E62" s="69"/>
      <c r="F62" s="70"/>
    </row>
    <row r="63" spans="2:6" s="2" customFormat="1" ht="18.75" customHeight="1" x14ac:dyDescent="0.25">
      <c r="B63" s="48" t="s">
        <v>60</v>
      </c>
      <c r="C63" s="27" t="s">
        <v>95</v>
      </c>
      <c r="D63" s="49"/>
      <c r="E63" s="69"/>
      <c r="F63" s="70"/>
    </row>
    <row r="64" spans="2:6" s="2" customFormat="1" ht="22.5" customHeight="1" x14ac:dyDescent="0.25">
      <c r="B64" s="48" t="s">
        <v>82</v>
      </c>
      <c r="C64" s="27" t="s">
        <v>96</v>
      </c>
      <c r="D64" s="49"/>
      <c r="E64" s="69"/>
      <c r="F64" s="70"/>
    </row>
    <row r="65" spans="2:6" s="2" customFormat="1" ht="34.5" customHeight="1" x14ac:dyDescent="0.25">
      <c r="B65" s="48" t="s">
        <v>83</v>
      </c>
      <c r="C65" s="27" t="s">
        <v>97</v>
      </c>
      <c r="D65" s="49"/>
      <c r="E65" s="69"/>
      <c r="F65" s="70"/>
    </row>
    <row r="66" spans="2:6" s="2" customFormat="1" ht="23.25" customHeight="1" x14ac:dyDescent="0.25">
      <c r="B66" s="48" t="s">
        <v>84</v>
      </c>
      <c r="C66" s="27" t="s">
        <v>98</v>
      </c>
      <c r="D66" s="49"/>
      <c r="E66" s="69"/>
      <c r="F66" s="70"/>
    </row>
    <row r="67" spans="2:6" s="2" customFormat="1" ht="44.25" customHeight="1" x14ac:dyDescent="0.25">
      <c r="B67" s="48" t="s">
        <v>99</v>
      </c>
      <c r="C67" s="27" t="s">
        <v>121</v>
      </c>
      <c r="D67" s="49"/>
      <c r="E67" s="69"/>
      <c r="F67" s="70"/>
    </row>
    <row r="68" spans="2:6" s="2" customFormat="1" ht="122.25" customHeight="1" x14ac:dyDescent="0.25">
      <c r="B68" s="48" t="s">
        <v>100</v>
      </c>
      <c r="C68" s="27" t="s">
        <v>122</v>
      </c>
      <c r="D68" s="49"/>
      <c r="E68" s="69"/>
      <c r="F68" s="70"/>
    </row>
    <row r="69" spans="2:6" s="2" customFormat="1" ht="134.25" customHeight="1" x14ac:dyDescent="0.25">
      <c r="B69" s="58" t="s">
        <v>61</v>
      </c>
      <c r="C69" s="27" t="s">
        <v>101</v>
      </c>
      <c r="D69" s="49"/>
      <c r="E69" s="69"/>
      <c r="F69" s="70"/>
    </row>
    <row r="70" spans="2:6" s="2" customFormat="1" ht="45.75" customHeight="1" x14ac:dyDescent="0.25">
      <c r="B70" s="58" t="s">
        <v>62</v>
      </c>
      <c r="C70" s="27" t="s">
        <v>102</v>
      </c>
      <c r="D70" s="49"/>
      <c r="E70" s="69"/>
      <c r="F70" s="70"/>
    </row>
    <row r="71" spans="2:6" s="2" customFormat="1" ht="55.5" customHeight="1" x14ac:dyDescent="0.25">
      <c r="B71" s="58" t="s">
        <v>63</v>
      </c>
      <c r="C71" s="27" t="s">
        <v>103</v>
      </c>
      <c r="D71" s="49"/>
      <c r="E71" s="69"/>
      <c r="F71" s="70"/>
    </row>
    <row r="72" spans="2:6" s="2" customFormat="1" ht="31.5" customHeight="1" x14ac:dyDescent="0.25">
      <c r="B72" s="48" t="s">
        <v>72</v>
      </c>
      <c r="C72" s="27" t="s">
        <v>114</v>
      </c>
      <c r="D72" s="49"/>
      <c r="E72" s="69"/>
      <c r="F72" s="70"/>
    </row>
    <row r="73" spans="2:6" s="2" customFormat="1" ht="72.75" customHeight="1" x14ac:dyDescent="0.25">
      <c r="B73" s="48" t="s">
        <v>64</v>
      </c>
      <c r="C73" s="27" t="s">
        <v>115</v>
      </c>
      <c r="D73" s="49"/>
      <c r="E73" s="69"/>
      <c r="F73" s="70"/>
    </row>
    <row r="74" spans="2:6" s="2" customFormat="1" ht="30" customHeight="1" x14ac:dyDescent="0.25">
      <c r="B74" s="48" t="s">
        <v>65</v>
      </c>
      <c r="C74" s="27" t="s">
        <v>104</v>
      </c>
      <c r="D74" s="49"/>
      <c r="E74" s="69"/>
      <c r="F74" s="70"/>
    </row>
    <row r="75" spans="2:6" s="2" customFormat="1" ht="30" customHeight="1" x14ac:dyDescent="0.25">
      <c r="B75" s="48"/>
      <c r="C75" s="27" t="s">
        <v>105</v>
      </c>
      <c r="D75" s="49"/>
      <c r="E75" s="69"/>
      <c r="F75" s="70"/>
    </row>
    <row r="76" spans="2:6" s="2" customFormat="1" ht="44.25" customHeight="1" x14ac:dyDescent="0.25">
      <c r="B76" s="48"/>
      <c r="C76" s="27" t="s">
        <v>106</v>
      </c>
      <c r="D76" s="49"/>
      <c r="E76" s="69"/>
      <c r="F76" s="70"/>
    </row>
    <row r="77" spans="2:6" s="2" customFormat="1" ht="22.5" customHeight="1" x14ac:dyDescent="0.25">
      <c r="B77" s="61"/>
      <c r="C77" s="27" t="s">
        <v>107</v>
      </c>
      <c r="D77" s="49"/>
      <c r="E77" s="69"/>
      <c r="F77" s="70"/>
    </row>
    <row r="78" spans="2:6" s="2" customFormat="1" ht="30" customHeight="1" x14ac:dyDescent="0.25">
      <c r="B78" s="61"/>
      <c r="C78" s="27" t="s">
        <v>108</v>
      </c>
      <c r="D78" s="49"/>
      <c r="E78" s="69"/>
      <c r="F78" s="70"/>
    </row>
    <row r="79" spans="2:6" s="2" customFormat="1" ht="40.5" customHeight="1" x14ac:dyDescent="0.25">
      <c r="B79" s="61"/>
      <c r="C79" s="62" t="s">
        <v>109</v>
      </c>
      <c r="D79" s="49"/>
      <c r="E79" s="69"/>
      <c r="F79" s="70"/>
    </row>
    <row r="80" spans="2:6" s="2" customFormat="1" ht="42" customHeight="1" x14ac:dyDescent="0.25">
      <c r="B80" s="61"/>
      <c r="C80" s="27" t="s">
        <v>110</v>
      </c>
      <c r="D80" s="49"/>
      <c r="E80" s="69"/>
      <c r="F80" s="70"/>
    </row>
    <row r="81" spans="2:7" s="2" customFormat="1" ht="112.5" customHeight="1" x14ac:dyDescent="0.25">
      <c r="B81" s="61" t="s">
        <v>66</v>
      </c>
      <c r="C81" s="27" t="s">
        <v>123</v>
      </c>
      <c r="D81" s="49"/>
      <c r="E81" s="69"/>
      <c r="F81" s="70"/>
    </row>
    <row r="82" spans="2:7" s="2" customFormat="1" ht="209.25" customHeight="1" x14ac:dyDescent="0.25">
      <c r="B82" s="61" t="s">
        <v>67</v>
      </c>
      <c r="C82" s="27" t="s">
        <v>124</v>
      </c>
      <c r="D82" s="49"/>
      <c r="E82" s="69"/>
      <c r="F82" s="70"/>
    </row>
    <row r="83" spans="2:7" s="2" customFormat="1" ht="127.5" customHeight="1" x14ac:dyDescent="0.25">
      <c r="B83" s="61" t="s">
        <v>73</v>
      </c>
      <c r="C83" s="27" t="s">
        <v>125</v>
      </c>
      <c r="D83" s="49"/>
      <c r="E83" s="69"/>
      <c r="F83" s="70"/>
    </row>
    <row r="84" spans="2:7" s="2" customFormat="1" ht="110.25" customHeight="1" x14ac:dyDescent="0.25">
      <c r="B84" s="48" t="s">
        <v>111</v>
      </c>
      <c r="C84" s="27" t="s">
        <v>126</v>
      </c>
      <c r="D84" s="49"/>
      <c r="E84" s="69"/>
      <c r="F84" s="70"/>
    </row>
    <row r="85" spans="2:7" s="2" customFormat="1" ht="100.5" customHeight="1" x14ac:dyDescent="0.25">
      <c r="B85" s="48" t="s">
        <v>74</v>
      </c>
      <c r="C85" s="27" t="s">
        <v>112</v>
      </c>
      <c r="D85" s="49"/>
      <c r="E85" s="69"/>
      <c r="F85" s="70"/>
    </row>
    <row r="86" spans="2:7" s="2" customFormat="1" ht="32.25" customHeight="1" x14ac:dyDescent="0.25">
      <c r="B86" s="61" t="s">
        <v>68</v>
      </c>
      <c r="C86" s="27" t="s">
        <v>127</v>
      </c>
      <c r="D86" s="49"/>
      <c r="E86" s="69"/>
      <c r="F86" s="70"/>
    </row>
    <row r="87" spans="2:7" s="2" customFormat="1" ht="60.75" customHeight="1" x14ac:dyDescent="0.25">
      <c r="B87" s="61" t="s">
        <v>75</v>
      </c>
      <c r="C87" s="27" t="s">
        <v>116</v>
      </c>
      <c r="D87" s="49"/>
      <c r="E87" s="69"/>
      <c r="F87" s="70"/>
    </row>
    <row r="88" spans="2:7" s="2" customFormat="1" ht="85.5" customHeight="1" x14ac:dyDescent="0.25">
      <c r="B88" s="48" t="s">
        <v>76</v>
      </c>
      <c r="C88" s="27" t="s">
        <v>113</v>
      </c>
      <c r="D88" s="49"/>
      <c r="E88" s="69"/>
      <c r="F88" s="70"/>
    </row>
    <row r="89" spans="2:7" s="2" customFormat="1" ht="191.25" x14ac:dyDescent="0.25">
      <c r="B89" s="48" t="s">
        <v>77</v>
      </c>
      <c r="C89" s="27" t="s">
        <v>128</v>
      </c>
      <c r="D89" s="49"/>
      <c r="E89" s="69"/>
      <c r="F89" s="70"/>
    </row>
    <row r="90" spans="2:7" s="2" customFormat="1" ht="96" customHeight="1" x14ac:dyDescent="0.25">
      <c r="B90" s="48" t="s">
        <v>78</v>
      </c>
      <c r="C90" s="27" t="s">
        <v>117</v>
      </c>
      <c r="D90" s="49"/>
      <c r="E90" s="69"/>
      <c r="F90" s="70"/>
    </row>
    <row r="91" spans="2:7" s="2" customFormat="1" ht="122.25" customHeight="1" x14ac:dyDescent="0.25">
      <c r="B91" s="48" t="s">
        <v>79</v>
      </c>
      <c r="C91" s="27" t="s">
        <v>129</v>
      </c>
      <c r="D91" s="49"/>
      <c r="E91" s="69"/>
      <c r="F91" s="70"/>
    </row>
    <row r="92" spans="2:7" s="2" customFormat="1" ht="104.25" customHeight="1" x14ac:dyDescent="0.25">
      <c r="B92" s="48" t="s">
        <v>80</v>
      </c>
      <c r="C92" s="27" t="s">
        <v>119</v>
      </c>
      <c r="D92" s="49"/>
      <c r="E92" s="69"/>
      <c r="F92" s="70"/>
    </row>
    <row r="93" spans="2:7" s="2" customFormat="1" ht="45" customHeight="1" thickBot="1" x14ac:dyDescent="0.3">
      <c r="B93" s="55" t="s">
        <v>81</v>
      </c>
      <c r="C93" s="66" t="s">
        <v>118</v>
      </c>
      <c r="D93" s="50"/>
      <c r="E93" s="71"/>
      <c r="F93" s="72"/>
    </row>
    <row r="94" spans="2:7" s="3" customFormat="1" ht="5.0999999999999996" customHeight="1" x14ac:dyDescent="0.25">
      <c r="B94" s="5"/>
      <c r="C94" s="5"/>
      <c r="D94" s="7"/>
      <c r="E94" s="7"/>
      <c r="F94" s="26"/>
      <c r="G94" s="2"/>
    </row>
    <row r="95" spans="2:7" s="2" customFormat="1" ht="20.100000000000001" customHeight="1" x14ac:dyDescent="0.25">
      <c r="B95" s="92" t="s">
        <v>55</v>
      </c>
      <c r="C95" s="92"/>
      <c r="D95" s="92"/>
      <c r="E95" s="92"/>
      <c r="F95" s="92"/>
    </row>
    <row r="96" spans="2:7" s="2" customFormat="1" ht="4.5" customHeight="1" thickBot="1" x14ac:dyDescent="0.3"/>
    <row r="97" spans="2:7" s="2" customFormat="1" ht="80.25" customHeight="1" x14ac:dyDescent="0.25">
      <c r="B97" s="82" t="s">
        <v>56</v>
      </c>
      <c r="C97" s="83"/>
      <c r="D97" s="86" t="s">
        <v>57</v>
      </c>
      <c r="E97" s="87"/>
      <c r="F97" s="88"/>
    </row>
    <row r="98" spans="2:7" s="3" customFormat="1" ht="29.25" customHeight="1" thickBot="1" x14ac:dyDescent="0.3">
      <c r="B98" s="84"/>
      <c r="C98" s="85"/>
      <c r="D98" s="24" t="s">
        <v>7</v>
      </c>
      <c r="E98" s="89" t="s">
        <v>32</v>
      </c>
      <c r="F98" s="90"/>
      <c r="G98" s="2"/>
    </row>
    <row r="99" spans="2:7" s="3" customFormat="1" ht="27" customHeight="1" x14ac:dyDescent="0.25">
      <c r="B99" s="52" t="s">
        <v>16</v>
      </c>
      <c r="C99" s="53" t="s">
        <v>71</v>
      </c>
      <c r="D99" s="54"/>
      <c r="E99" s="118"/>
      <c r="F99" s="119"/>
      <c r="G99" s="2"/>
    </row>
    <row r="100" spans="2:7" s="3" customFormat="1" ht="30.75" customHeight="1" thickBot="1" x14ac:dyDescent="0.3">
      <c r="B100" s="55" t="s">
        <v>59</v>
      </c>
      <c r="C100" s="59" t="s">
        <v>58</v>
      </c>
      <c r="D100" s="56"/>
      <c r="E100" s="71"/>
      <c r="F100" s="72"/>
      <c r="G100" s="2"/>
    </row>
    <row r="101" spans="2:7" s="2" customFormat="1" ht="5.0999999999999996" customHeight="1" x14ac:dyDescent="0.25">
      <c r="B101" s="5"/>
      <c r="C101" s="5"/>
      <c r="D101" s="7"/>
      <c r="E101" s="7"/>
      <c r="F101" s="26"/>
    </row>
    <row r="102" spans="2:7" s="2" customFormat="1" ht="20.100000000000001" customHeight="1" x14ac:dyDescent="0.25">
      <c r="B102" s="92" t="s">
        <v>15</v>
      </c>
      <c r="C102" s="92"/>
      <c r="D102" s="92"/>
      <c r="E102" s="92"/>
      <c r="F102" s="92"/>
    </row>
    <row r="103" spans="2:7" s="3" customFormat="1" ht="30" customHeight="1" x14ac:dyDescent="0.25">
      <c r="B103" s="5" t="s">
        <v>17</v>
      </c>
      <c r="C103" s="104" t="s">
        <v>49</v>
      </c>
      <c r="D103" s="104"/>
      <c r="E103" s="104"/>
      <c r="F103" s="104"/>
      <c r="G103" s="2"/>
    </row>
    <row r="104" spans="2:7" s="29" customFormat="1" ht="30" customHeight="1" x14ac:dyDescent="0.25">
      <c r="B104" s="5" t="s">
        <v>33</v>
      </c>
      <c r="C104" s="104" t="s">
        <v>34</v>
      </c>
      <c r="D104" s="104"/>
      <c r="E104" s="104"/>
      <c r="F104" s="104"/>
      <c r="G104" s="2"/>
    </row>
    <row r="105" spans="2:7" s="29" customFormat="1" ht="30" customHeight="1" x14ac:dyDescent="0.25">
      <c r="B105" s="105" t="s">
        <v>35</v>
      </c>
      <c r="C105" s="105"/>
      <c r="D105" s="105"/>
      <c r="E105" s="105"/>
      <c r="F105" s="3"/>
      <c r="G105" s="2"/>
    </row>
    <row r="106" spans="2:7" s="2" customFormat="1" ht="24.95" customHeight="1" x14ac:dyDescent="0.25">
      <c r="B106" s="28" t="s">
        <v>36</v>
      </c>
      <c r="C106" s="102"/>
      <c r="D106" s="102"/>
      <c r="F106" s="29"/>
    </row>
    <row r="107" spans="2:7" s="2" customFormat="1" ht="24.95" customHeight="1" x14ac:dyDescent="0.25">
      <c r="B107" s="28" t="s">
        <v>37</v>
      </c>
      <c r="C107" s="102"/>
      <c r="D107" s="102"/>
      <c r="F107" s="29"/>
    </row>
    <row r="108" spans="2:7" s="2" customFormat="1" ht="24.95" customHeight="1" x14ac:dyDescent="0.25">
      <c r="B108" s="28" t="s">
        <v>38</v>
      </c>
      <c r="C108" s="102"/>
      <c r="D108" s="102"/>
      <c r="F108" s="29"/>
    </row>
    <row r="109" spans="2:7" s="3" customFormat="1" ht="24.95" customHeight="1" x14ac:dyDescent="0.25">
      <c r="B109" s="28" t="s">
        <v>39</v>
      </c>
      <c r="C109" s="102"/>
      <c r="D109" s="102"/>
      <c r="E109" s="2"/>
      <c r="F109" s="30"/>
      <c r="G109" s="2"/>
    </row>
    <row r="110" spans="2:7" s="2" customFormat="1" ht="14.25" customHeight="1" x14ac:dyDescent="0.2">
      <c r="B110" s="11"/>
      <c r="C110" s="12"/>
      <c r="D110" s="12"/>
      <c r="F110" s="31"/>
    </row>
    <row r="111" spans="2:7" s="3" customFormat="1" ht="15" customHeight="1" x14ac:dyDescent="0.25">
      <c r="B111" s="106" t="s">
        <v>40</v>
      </c>
      <c r="C111" s="106"/>
      <c r="D111" s="106"/>
      <c r="E111" s="106"/>
      <c r="F111" s="106"/>
    </row>
    <row r="112" spans="2:7" s="2" customFormat="1" ht="36.75" customHeight="1" x14ac:dyDescent="0.25">
      <c r="B112" s="103" t="s">
        <v>52</v>
      </c>
      <c r="C112" s="103"/>
      <c r="D112" s="103"/>
      <c r="E112" s="103"/>
      <c r="F112" s="103"/>
    </row>
    <row r="113" spans="2:6" s="2" customFormat="1" ht="20.100000000000001" customHeight="1" x14ac:dyDescent="0.2">
      <c r="B113" s="1"/>
      <c r="C113" s="1"/>
      <c r="D113" s="8"/>
      <c r="E113" s="8"/>
    </row>
    <row r="114" spans="2:6" s="3" customFormat="1" ht="4.5" customHeight="1" x14ac:dyDescent="0.2">
      <c r="B114" s="1"/>
      <c r="C114" s="1"/>
      <c r="D114" s="8"/>
      <c r="E114" s="8"/>
      <c r="F114" s="2"/>
    </row>
    <row r="115" spans="2:6" s="3" customFormat="1" ht="20.100000000000001" customHeight="1" x14ac:dyDescent="0.25">
      <c r="B115" s="32" t="s">
        <v>41</v>
      </c>
      <c r="C115" s="33"/>
      <c r="D115" s="34" t="s">
        <v>42</v>
      </c>
      <c r="E115" s="100"/>
      <c r="F115" s="100"/>
    </row>
    <row r="116" spans="2:6" s="3" customFormat="1" ht="20.100000000000001" customHeight="1" x14ac:dyDescent="0.25">
      <c r="B116" s="35"/>
      <c r="C116" s="35"/>
      <c r="D116" s="35"/>
      <c r="E116" s="36"/>
      <c r="F116" s="36"/>
    </row>
    <row r="117" spans="2:6" ht="20.100000000000001" customHeight="1" x14ac:dyDescent="0.2">
      <c r="B117" s="32" t="s">
        <v>43</v>
      </c>
      <c r="C117" s="33"/>
      <c r="D117" s="37" t="s">
        <v>44</v>
      </c>
      <c r="E117" s="101"/>
      <c r="F117" s="101"/>
    </row>
    <row r="118" spans="2:6" s="2" customFormat="1" ht="20.100000000000001" customHeight="1" x14ac:dyDescent="0.2">
      <c r="B118" s="1"/>
      <c r="C118" s="1"/>
      <c r="D118" s="37" t="s">
        <v>45</v>
      </c>
      <c r="E118" s="102"/>
      <c r="F118" s="102"/>
    </row>
    <row r="119" spans="2:6" s="2" customFormat="1" ht="20.100000000000001" customHeight="1" x14ac:dyDescent="0.2">
      <c r="B119" s="1"/>
      <c r="C119" s="1"/>
      <c r="D119" s="38" t="s">
        <v>46</v>
      </c>
      <c r="E119" s="1"/>
    </row>
    <row r="120" spans="2:6" s="2" customFormat="1" ht="37.5" customHeight="1" x14ac:dyDescent="0.25"/>
    <row r="121" spans="2:6" s="2" customFormat="1" ht="24" customHeight="1" x14ac:dyDescent="0.25"/>
    <row r="122" spans="2:6" s="2" customFormat="1" ht="24" customHeight="1" x14ac:dyDescent="0.25"/>
    <row r="123" spans="2:6" s="2" customFormat="1" ht="24" customHeight="1" x14ac:dyDescent="0.25"/>
    <row r="124" spans="2:6" s="2" customFormat="1" ht="20.100000000000001" customHeight="1" x14ac:dyDescent="0.25"/>
    <row r="125" spans="2:6" s="2" customFormat="1" ht="20.100000000000001" customHeight="1" x14ac:dyDescent="0.25"/>
    <row r="126" spans="2:6" s="2" customFormat="1" ht="50.1" customHeight="1" x14ac:dyDescent="0.25"/>
    <row r="127" spans="2:6" s="2" customFormat="1" ht="43.5" customHeight="1" x14ac:dyDescent="0.25"/>
    <row r="128" spans="2:6" ht="24.75" customHeight="1" x14ac:dyDescent="0.2">
      <c r="B128" s="2"/>
      <c r="C128" s="2"/>
      <c r="D128" s="2"/>
      <c r="E128" s="2"/>
    </row>
    <row r="129" spans="2:5" x14ac:dyDescent="0.2">
      <c r="B129" s="2"/>
      <c r="C129" s="2"/>
      <c r="D129" s="2"/>
      <c r="E129" s="2"/>
    </row>
    <row r="130" spans="2:5" ht="20.100000000000001" customHeight="1" x14ac:dyDescent="0.2"/>
    <row r="131" spans="2:5" ht="4.5" customHeight="1" x14ac:dyDescent="0.2"/>
    <row r="132" spans="2:5" ht="20.100000000000001" customHeight="1" x14ac:dyDescent="0.2"/>
    <row r="133" spans="2:5" ht="20.100000000000001" customHeight="1" x14ac:dyDescent="0.2"/>
    <row r="134" spans="2:5" ht="20.100000000000001" customHeight="1" x14ac:dyDescent="0.2"/>
  </sheetData>
  <mergeCells count="99">
    <mergeCell ref="E46:F46"/>
    <mergeCell ref="E54:F54"/>
    <mergeCell ref="E49:F49"/>
    <mergeCell ref="B48:F48"/>
    <mergeCell ref="E61:F61"/>
    <mergeCell ref="E50:F50"/>
    <mergeCell ref="E73:F73"/>
    <mergeCell ref="E74:F74"/>
    <mergeCell ref="E75:F75"/>
    <mergeCell ref="E76:F76"/>
    <mergeCell ref="E80:F80"/>
    <mergeCell ref="E77:F77"/>
    <mergeCell ref="E78:F78"/>
    <mergeCell ref="E79:F79"/>
    <mergeCell ref="E62:F62"/>
    <mergeCell ref="E51:F51"/>
    <mergeCell ref="E52:F52"/>
    <mergeCell ref="E53:F53"/>
    <mergeCell ref="E55:F55"/>
    <mergeCell ref="B2:F2"/>
    <mergeCell ref="B1:F1"/>
    <mergeCell ref="B23:C23"/>
    <mergeCell ref="B26:C26"/>
    <mergeCell ref="E99:F99"/>
    <mergeCell ref="E64:F64"/>
    <mergeCell ref="E65:F65"/>
    <mergeCell ref="E66:F66"/>
    <mergeCell ref="E67:F67"/>
    <mergeCell ref="E68:F68"/>
    <mergeCell ref="E69:F69"/>
    <mergeCell ref="E63:F63"/>
    <mergeCell ref="B57:F57"/>
    <mergeCell ref="B59:C60"/>
    <mergeCell ref="D59:F59"/>
    <mergeCell ref="E60:F60"/>
    <mergeCell ref="E100:F100"/>
    <mergeCell ref="B95:F95"/>
    <mergeCell ref="B22:F22"/>
    <mergeCell ref="B13:D13"/>
    <mergeCell ref="B35:F35"/>
    <mergeCell ref="B37:C38"/>
    <mergeCell ref="E42:F42"/>
    <mergeCell ref="B31:C31"/>
    <mergeCell ref="D37:F37"/>
    <mergeCell ref="E38:F38"/>
    <mergeCell ref="C29:D29"/>
    <mergeCell ref="B21:F21"/>
    <mergeCell ref="B16:D16"/>
    <mergeCell ref="B17:D17"/>
    <mergeCell ref="B18:F18"/>
    <mergeCell ref="B20:D20"/>
    <mergeCell ref="E115:F115"/>
    <mergeCell ref="E117:F117"/>
    <mergeCell ref="E118:F118"/>
    <mergeCell ref="B112:F112"/>
    <mergeCell ref="B102:F102"/>
    <mergeCell ref="C103:F103"/>
    <mergeCell ref="C104:F104"/>
    <mergeCell ref="B105:E105"/>
    <mergeCell ref="B111:F111"/>
    <mergeCell ref="C106:D106"/>
    <mergeCell ref="C107:D107"/>
    <mergeCell ref="C108:D108"/>
    <mergeCell ref="C109:D109"/>
    <mergeCell ref="B97:C98"/>
    <mergeCell ref="D97:F97"/>
    <mergeCell ref="E98:F98"/>
    <mergeCell ref="E47:F47"/>
    <mergeCell ref="B3:F3"/>
    <mergeCell ref="B7:F7"/>
    <mergeCell ref="B8:F8"/>
    <mergeCell ref="B9:F9"/>
    <mergeCell ref="B11:F11"/>
    <mergeCell ref="B12:D12"/>
    <mergeCell ref="E70:F70"/>
    <mergeCell ref="E71:F71"/>
    <mergeCell ref="E72:F72"/>
    <mergeCell ref="E44:F44"/>
    <mergeCell ref="B19:F19"/>
    <mergeCell ref="C27:D27"/>
    <mergeCell ref="E45:F45"/>
    <mergeCell ref="E41:F41"/>
    <mergeCell ref="B39:F39"/>
    <mergeCell ref="E40:F40"/>
    <mergeCell ref="C28:D28"/>
    <mergeCell ref="E43:F43"/>
    <mergeCell ref="E90:F90"/>
    <mergeCell ref="E91:F91"/>
    <mergeCell ref="E92:F92"/>
    <mergeCell ref="E93:F93"/>
    <mergeCell ref="E81:F81"/>
    <mergeCell ref="E82:F82"/>
    <mergeCell ref="E83:F83"/>
    <mergeCell ref="E84:F84"/>
    <mergeCell ref="E85:F85"/>
    <mergeCell ref="E86:F86"/>
    <mergeCell ref="E87:F87"/>
    <mergeCell ref="E88:F88"/>
    <mergeCell ref="E89:F89"/>
  </mergeCells>
  <conditionalFormatting sqref="D69:D71 D73:D93 D55">
    <cfRule type="containsBlanks" dxfId="19" priority="111">
      <formula>LEN(TRIM(D55))=0</formula>
    </cfRule>
  </conditionalFormatting>
  <conditionalFormatting sqref="E117:F117">
    <cfRule type="containsBlanks" dxfId="18" priority="110">
      <formula>LEN(TRIM(E117))=0</formula>
    </cfRule>
  </conditionalFormatting>
  <conditionalFormatting sqref="C115">
    <cfRule type="containsBlanks" dxfId="17" priority="108">
      <formula>LEN(TRIM(C115))=0</formula>
    </cfRule>
  </conditionalFormatting>
  <conditionalFormatting sqref="E118:F118">
    <cfRule type="containsBlanks" dxfId="16" priority="109">
      <formula>LEN(TRIM(E118))=0</formula>
    </cfRule>
  </conditionalFormatting>
  <conditionalFormatting sqref="C117">
    <cfRule type="containsBlanks" dxfId="15" priority="107">
      <formula>LEN(TRIM(C117))=0</formula>
    </cfRule>
  </conditionalFormatting>
  <conditionalFormatting sqref="C4:C5">
    <cfRule type="containsBlanks" dxfId="14" priority="106">
      <formula>LEN(TRIM(C4))=0</formula>
    </cfRule>
  </conditionalFormatting>
  <conditionalFormatting sqref="D40">
    <cfRule type="containsBlanks" dxfId="13" priority="105">
      <formula>LEN(TRIM(D40))=0</formula>
    </cfRule>
  </conditionalFormatting>
  <conditionalFormatting sqref="D99">
    <cfRule type="containsBlanks" dxfId="12" priority="100">
      <formula>LEN(TRIM(D99))=0</formula>
    </cfRule>
  </conditionalFormatting>
  <conditionalFormatting sqref="C108:D108">
    <cfRule type="containsBlanks" dxfId="11" priority="96">
      <formula>LEN(TRIM(C108))=0</formula>
    </cfRule>
  </conditionalFormatting>
  <conditionalFormatting sqref="D44">
    <cfRule type="containsBlanks" dxfId="10" priority="81">
      <formula>LEN(TRIM(D44))=0</formula>
    </cfRule>
  </conditionalFormatting>
  <conditionalFormatting sqref="D45:D46">
    <cfRule type="containsBlanks" dxfId="9" priority="80">
      <formula>LEN(TRIM(D45))=0</formula>
    </cfRule>
  </conditionalFormatting>
  <conditionalFormatting sqref="D43">
    <cfRule type="containsBlanks" dxfId="8" priority="77">
      <formula>LEN(TRIM(D43))=0</formula>
    </cfRule>
  </conditionalFormatting>
  <conditionalFormatting sqref="D41:D42">
    <cfRule type="containsBlanks" dxfId="7" priority="78">
      <formula>LEN(TRIM(D41))=0</formula>
    </cfRule>
  </conditionalFormatting>
  <conditionalFormatting sqref="D47 D49:D54">
    <cfRule type="containsBlanks" dxfId="6" priority="60">
      <formula>LEN(TRIM(D47))=0</formula>
    </cfRule>
  </conditionalFormatting>
  <conditionalFormatting sqref="C106:D106">
    <cfRule type="containsBlanks" dxfId="5" priority="46">
      <formula>LEN(TRIM(C106))=0</formula>
    </cfRule>
  </conditionalFormatting>
  <conditionalFormatting sqref="C107:D107">
    <cfRule type="containsBlanks" dxfId="4" priority="47">
      <formula>LEN(TRIM(C107))=0</formula>
    </cfRule>
  </conditionalFormatting>
  <conditionalFormatting sqref="C109:D109">
    <cfRule type="containsBlanks" dxfId="3" priority="45">
      <formula>LEN(TRIM(C109))=0</formula>
    </cfRule>
  </conditionalFormatting>
  <conditionalFormatting sqref="D100">
    <cfRule type="containsBlanks" dxfId="2" priority="38">
      <formula>LEN(TRIM(D100))=0</formula>
    </cfRule>
  </conditionalFormatting>
  <conditionalFormatting sqref="D61:D68">
    <cfRule type="containsBlanks" dxfId="1" priority="40">
      <formula>LEN(TRIM(D61))=0</formula>
    </cfRule>
  </conditionalFormatting>
  <conditionalFormatting sqref="D72">
    <cfRule type="containsBlanks" dxfId="0" priority="37">
      <formula>LEN(TRIM(D72))=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47" min="1" max="5" man="1"/>
    <brk id="88"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1-30T08:33:40Z</cp:lastPrinted>
  <dcterms:created xsi:type="dcterms:W3CDTF">2017-04-21T05:51:15Z</dcterms:created>
  <dcterms:modified xsi:type="dcterms:W3CDTF">2023-01-30T09:03:17Z</dcterms:modified>
</cp:coreProperties>
</file>